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08909\Desktop\"/>
    </mc:Choice>
  </mc:AlternateContent>
  <xr:revisionPtr revIDLastSave="0" documentId="13_ncr:1_{396B71F8-4FB4-4418-B00D-992828401B4C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２ー(6)" sheetId="5" r:id="rId1"/>
  </sheets>
  <calcPr calcId="162913"/>
</workbook>
</file>

<file path=xl/sharedStrings.xml><?xml version="1.0" encoding="utf-8"?>
<sst xmlns="http://schemas.openxmlformats.org/spreadsheetml/2006/main" count="154" uniqueCount="38">
  <si>
    <t>計</t>
    <rPh sb="0" eb="1">
      <t>ケイ</t>
    </rPh>
    <phoneticPr fontId="2"/>
  </si>
  <si>
    <t>松江市</t>
  </si>
  <si>
    <t>浜田市</t>
  </si>
  <si>
    <t>出雲市</t>
  </si>
  <si>
    <t>益田市</t>
  </si>
  <si>
    <t>大田市</t>
  </si>
  <si>
    <t>江津市</t>
  </si>
  <si>
    <t>安来市</t>
  </si>
  <si>
    <t>海士町</t>
  </si>
  <si>
    <t>西ノ島町</t>
  </si>
  <si>
    <t>知夫村</t>
  </si>
  <si>
    <t>隠岐の島町</t>
  </si>
  <si>
    <t xml:space="preserve"> -</t>
  </si>
  <si>
    <t>全国</t>
    <rPh sb="0" eb="2">
      <t>ゼンコク</t>
    </rPh>
    <phoneticPr fontId="2"/>
  </si>
  <si>
    <t>日本海西区</t>
    <rPh sb="0" eb="5">
      <t>ニホンカイニシク</t>
    </rPh>
    <phoneticPr fontId="2"/>
  </si>
  <si>
    <t>　区分</t>
    <rPh sb="1" eb="3">
      <t>クブン</t>
    </rPh>
    <phoneticPr fontId="2"/>
  </si>
  <si>
    <t>無動力漁船</t>
    <rPh sb="0" eb="3">
      <t>ムドウリョク</t>
    </rPh>
    <rPh sb="3" eb="5">
      <t>ギョセン</t>
    </rPh>
    <phoneticPr fontId="2"/>
  </si>
  <si>
    <t>船外機付漁船</t>
    <rPh sb="0" eb="3">
      <t>センガイキ</t>
    </rPh>
    <rPh sb="3" eb="4">
      <t>ツ</t>
    </rPh>
    <rPh sb="4" eb="6">
      <t>ギョセン</t>
    </rPh>
    <phoneticPr fontId="2"/>
  </si>
  <si>
    <t>１トン未満</t>
    <rPh sb="3" eb="5">
      <t>ミマン</t>
    </rPh>
    <phoneticPr fontId="2"/>
  </si>
  <si>
    <t>１～３トン</t>
    <phoneticPr fontId="2"/>
  </si>
  <si>
    <t>３～５トン</t>
    <phoneticPr fontId="2"/>
  </si>
  <si>
    <t>５～10トン</t>
    <phoneticPr fontId="2"/>
  </si>
  <si>
    <t>10～20トン</t>
    <phoneticPr fontId="2"/>
  </si>
  <si>
    <t>20～30トン</t>
    <phoneticPr fontId="2"/>
  </si>
  <si>
    <t>30～50トン</t>
    <phoneticPr fontId="2"/>
  </si>
  <si>
    <t>50～100トン</t>
    <phoneticPr fontId="2"/>
  </si>
  <si>
    <t>100～150トン</t>
    <phoneticPr fontId="2"/>
  </si>
  <si>
    <t>150～200トン</t>
    <phoneticPr fontId="2"/>
  </si>
  <si>
    <t>200～350トン</t>
    <phoneticPr fontId="2"/>
  </si>
  <si>
    <t>350～500トン</t>
    <phoneticPr fontId="2"/>
  </si>
  <si>
    <t>500～1,000トン</t>
    <phoneticPr fontId="2"/>
  </si>
  <si>
    <t>1,000～3,000トン</t>
    <phoneticPr fontId="2"/>
  </si>
  <si>
    <t>3,000トン以上</t>
    <rPh sb="7" eb="9">
      <t>イジョウ</t>
    </rPh>
    <phoneticPr fontId="2"/>
  </si>
  <si>
    <t>動力漁船</t>
    <rPh sb="0" eb="2">
      <t>ドウリョク</t>
    </rPh>
    <rPh sb="2" eb="4">
      <t>ギョセン</t>
    </rPh>
    <phoneticPr fontId="2"/>
  </si>
  <si>
    <t>　　　　　　　      市町村</t>
    <rPh sb="13" eb="16">
      <t>シチョウソン</t>
    </rPh>
    <phoneticPr fontId="2"/>
  </si>
  <si>
    <t>単位：隻</t>
    <rPh sb="3" eb="4">
      <t>セキ</t>
    </rPh>
    <phoneticPr fontId="2"/>
  </si>
  <si>
    <t>　６漁船隻数・動力漁船トン数規模別・市町村別隻数</t>
    <rPh sb="18" eb="22">
      <t>シチョウソンベツ</t>
    </rPh>
    <phoneticPr fontId="2"/>
  </si>
  <si>
    <t>〇市町村別統計</t>
    <rPh sb="1" eb="4">
      <t>シチョウソン</t>
    </rPh>
    <rPh sb="4" eb="5">
      <t>ベツ</t>
    </rPh>
    <rPh sb="5" eb="7">
      <t>トウケ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#,##0"/>
    <numFmt numFmtId="177" formatCode="#,##0_ "/>
  </numFmts>
  <fonts count="10" x14ac:knownFonts="1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1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</borders>
  <cellStyleXfs count="14">
    <xf numFmtId="0" fontId="0" fillId="0" borderId="0">
      <alignment vertical="center"/>
    </xf>
    <xf numFmtId="0" fontId="5" fillId="0" borderId="0">
      <alignment vertical="center"/>
    </xf>
    <xf numFmtId="0" fontId="5" fillId="0" borderId="0"/>
    <xf numFmtId="0" fontId="5" fillId="0" borderId="0">
      <alignment vertical="center"/>
    </xf>
    <xf numFmtId="0" fontId="5" fillId="0" borderId="0">
      <alignment vertical="center"/>
    </xf>
    <xf numFmtId="0" fontId="5" fillId="0" borderId="0">
      <alignment vertical="center"/>
    </xf>
    <xf numFmtId="0" fontId="3" fillId="0" borderId="0">
      <alignment vertical="center"/>
    </xf>
    <xf numFmtId="0" fontId="5" fillId="0" borderId="0">
      <alignment vertical="center"/>
    </xf>
    <xf numFmtId="0" fontId="5" fillId="0" borderId="0">
      <alignment vertical="center"/>
    </xf>
    <xf numFmtId="0" fontId="5" fillId="0" borderId="0">
      <alignment vertical="center"/>
    </xf>
    <xf numFmtId="0" fontId="5" fillId="0" borderId="0">
      <alignment vertical="center"/>
    </xf>
    <xf numFmtId="0" fontId="5" fillId="0" borderId="0">
      <alignment vertical="center"/>
    </xf>
    <xf numFmtId="0" fontId="5" fillId="0" borderId="0">
      <alignment vertical="center"/>
    </xf>
    <xf numFmtId="0" fontId="1" fillId="0" borderId="0">
      <alignment vertical="center"/>
    </xf>
  </cellStyleXfs>
  <cellXfs count="42">
    <xf numFmtId="0" fontId="0" fillId="0" borderId="0" xfId="0">
      <alignment vertical="center"/>
    </xf>
    <xf numFmtId="0" fontId="4" fillId="0" borderId="0" xfId="0" applyFont="1" applyFill="1" applyBorder="1" applyAlignment="1">
      <alignment horizontal="right"/>
    </xf>
    <xf numFmtId="0" fontId="6" fillId="0" borderId="0" xfId="0" applyFont="1">
      <alignment vertical="center"/>
    </xf>
    <xf numFmtId="0" fontId="7" fillId="0" borderId="0" xfId="0" applyFont="1">
      <alignment vertical="center"/>
    </xf>
    <xf numFmtId="0" fontId="7" fillId="0" borderId="0" xfId="0" applyFont="1" applyAlignment="1">
      <alignment horizontal="center" vertical="center"/>
    </xf>
    <xf numFmtId="176" fontId="4" fillId="0" borderId="0" xfId="0" applyNumberFormat="1" applyFont="1" applyFill="1" applyBorder="1" applyAlignment="1" applyProtection="1">
      <alignment horizontal="right" vertical="center" shrinkToFit="1"/>
    </xf>
    <xf numFmtId="176" fontId="4" fillId="0" borderId="2" xfId="0" applyNumberFormat="1" applyFont="1" applyFill="1" applyBorder="1" applyAlignment="1" applyProtection="1">
      <alignment horizontal="right" vertical="center" shrinkToFit="1"/>
    </xf>
    <xf numFmtId="176" fontId="4" fillId="0" borderId="3" xfId="0" applyNumberFormat="1" applyFont="1" applyFill="1" applyBorder="1" applyAlignment="1" applyProtection="1">
      <alignment horizontal="right" vertical="center" shrinkToFit="1"/>
    </xf>
    <xf numFmtId="0" fontId="7" fillId="0" borderId="0" xfId="0" applyFont="1" applyBorder="1" applyAlignment="1">
      <alignment horizontal="center" vertical="center"/>
    </xf>
    <xf numFmtId="49" fontId="4" fillId="0" borderId="7" xfId="0" applyNumberFormat="1" applyFont="1" applyFill="1" applyBorder="1" applyAlignment="1" applyProtection="1">
      <alignment horizontal="center" vertical="center" wrapText="1"/>
    </xf>
    <xf numFmtId="49" fontId="4" fillId="0" borderId="7" xfId="0" applyNumberFormat="1" applyFont="1" applyFill="1" applyBorder="1" applyAlignment="1" applyProtection="1">
      <alignment horizontal="center" vertical="center"/>
    </xf>
    <xf numFmtId="0" fontId="4" fillId="0" borderId="0" xfId="0" applyNumberFormat="1" applyFont="1" applyFill="1" applyBorder="1" applyAlignment="1" applyProtection="1">
      <alignment horizontal="right"/>
    </xf>
    <xf numFmtId="49" fontId="4" fillId="0" borderId="6" xfId="0" applyNumberFormat="1" applyFont="1" applyFill="1" applyBorder="1" applyAlignment="1" applyProtection="1">
      <alignment horizontal="center" vertical="center" wrapText="1"/>
    </xf>
    <xf numFmtId="177" fontId="4" fillId="0" borderId="8" xfId="0" applyNumberFormat="1" applyFont="1" applyFill="1" applyBorder="1" applyAlignment="1" applyProtection="1">
      <alignment horizontal="right" vertical="center" shrinkToFit="1"/>
    </xf>
    <xf numFmtId="177" fontId="4" fillId="0" borderId="3" xfId="0" applyNumberFormat="1" applyFont="1" applyFill="1" applyBorder="1" applyAlignment="1" applyProtection="1">
      <alignment horizontal="right" vertical="center" shrinkToFit="1"/>
    </xf>
    <xf numFmtId="177" fontId="4" fillId="0" borderId="0" xfId="0" applyNumberFormat="1" applyFont="1" applyFill="1" applyBorder="1" applyAlignment="1" applyProtection="1">
      <alignment horizontal="right" vertical="center" shrinkToFit="1"/>
    </xf>
    <xf numFmtId="177" fontId="4" fillId="0" borderId="1" xfId="0" applyNumberFormat="1" applyFont="1" applyFill="1" applyBorder="1" applyAlignment="1" applyProtection="1">
      <alignment horizontal="right" vertical="center" shrinkToFit="1"/>
    </xf>
    <xf numFmtId="177" fontId="4" fillId="0" borderId="2" xfId="0" applyNumberFormat="1" applyFont="1" applyFill="1" applyBorder="1" applyAlignment="1" applyProtection="1">
      <alignment horizontal="right" vertical="center" shrinkToFit="1"/>
    </xf>
    <xf numFmtId="49" fontId="9" fillId="0" borderId="0" xfId="0" applyNumberFormat="1" applyFont="1" applyAlignment="1">
      <alignment horizontal="right" vertical="center"/>
    </xf>
    <xf numFmtId="49" fontId="9" fillId="0" borderId="0" xfId="0" applyNumberFormat="1" applyFont="1" applyAlignment="1">
      <alignment horizontal="left" vertical="center"/>
    </xf>
    <xf numFmtId="0" fontId="0" fillId="0" borderId="0" xfId="0" applyAlignment="1">
      <alignment horizontal="left" vertical="center"/>
    </xf>
    <xf numFmtId="0" fontId="4" fillId="0" borderId="0" xfId="0" applyFont="1">
      <alignment vertical="center"/>
    </xf>
    <xf numFmtId="0" fontId="8" fillId="0" borderId="0" xfId="0" applyFont="1">
      <alignment vertical="center"/>
    </xf>
    <xf numFmtId="0" fontId="4" fillId="0" borderId="13" xfId="1" applyFont="1" applyBorder="1" applyAlignment="1">
      <alignment horizontal="center" vertical="center"/>
    </xf>
    <xf numFmtId="0" fontId="4" fillId="0" borderId="4" xfId="1" applyFont="1" applyBorder="1" applyAlignment="1">
      <alignment horizontal="center" vertical="center"/>
    </xf>
    <xf numFmtId="0" fontId="7" fillId="0" borderId="14" xfId="0" applyFont="1" applyBorder="1" applyAlignment="1">
      <alignment horizontal="center" vertical="center"/>
    </xf>
    <xf numFmtId="0" fontId="7" fillId="0" borderId="1" xfId="0" applyFont="1" applyBorder="1" applyAlignment="1">
      <alignment horizontal="center" vertical="center"/>
    </xf>
    <xf numFmtId="0" fontId="4" fillId="0" borderId="12" xfId="1" applyFont="1" applyBorder="1" applyAlignment="1">
      <alignment horizontal="center" vertical="center"/>
    </xf>
    <xf numFmtId="0" fontId="4" fillId="0" borderId="6" xfId="1" applyFont="1" applyBorder="1" applyAlignment="1">
      <alignment horizontal="center" vertical="center"/>
    </xf>
    <xf numFmtId="0" fontId="4" fillId="0" borderId="14" xfId="1" applyFont="1" applyBorder="1" applyAlignment="1">
      <alignment horizontal="center" vertical="center"/>
    </xf>
    <xf numFmtId="0" fontId="4" fillId="0" borderId="1" xfId="1" applyFont="1" applyBorder="1" applyAlignment="1">
      <alignment horizontal="center" vertical="center"/>
    </xf>
    <xf numFmtId="0" fontId="7" fillId="0" borderId="2" xfId="0" applyFont="1" applyBorder="1" applyAlignment="1">
      <alignment horizontal="left" vertical="center"/>
    </xf>
    <xf numFmtId="0" fontId="0" fillId="0" borderId="6" xfId="0" applyBorder="1" applyAlignment="1">
      <alignment vertical="center"/>
    </xf>
    <xf numFmtId="0" fontId="7" fillId="0" borderId="11" xfId="0" applyFont="1" applyBorder="1" applyAlignment="1">
      <alignment vertical="center"/>
    </xf>
    <xf numFmtId="0" fontId="0" fillId="0" borderId="12" xfId="0" applyBorder="1" applyAlignment="1">
      <alignment vertical="center"/>
    </xf>
    <xf numFmtId="0" fontId="0" fillId="0" borderId="0" xfId="0" applyAlignment="1">
      <alignment vertical="center"/>
    </xf>
    <xf numFmtId="0" fontId="7" fillId="0" borderId="10" xfId="0" applyFont="1" applyBorder="1" applyAlignment="1">
      <alignment horizontal="center" vertical="center"/>
    </xf>
    <xf numFmtId="0" fontId="7" fillId="0" borderId="7" xfId="0" applyFont="1" applyBorder="1" applyAlignment="1">
      <alignment horizontal="center" vertical="center"/>
    </xf>
    <xf numFmtId="0" fontId="7" fillId="0" borderId="5" xfId="0" applyFont="1" applyBorder="1" applyAlignment="1">
      <alignment vertical="center" textRotation="255"/>
    </xf>
    <xf numFmtId="0" fontId="0" fillId="0" borderId="9" xfId="0" applyBorder="1" applyAlignment="1">
      <alignment vertical="center" textRotation="255"/>
    </xf>
    <xf numFmtId="0" fontId="0" fillId="0" borderId="6" xfId="0" applyBorder="1" applyAlignment="1">
      <alignment vertical="center" textRotation="255"/>
    </xf>
    <xf numFmtId="0" fontId="8" fillId="0" borderId="0" xfId="0" applyFont="1" applyAlignment="1">
      <alignment horizontal="left" vertical="center"/>
    </xf>
  </cellXfs>
  <cellStyles count="14">
    <cellStyle name="標準" xfId="0" builtinId="0"/>
    <cellStyle name="標準 2" xfId="1" xr:uid="{00000000-0005-0000-0000-000001000000}"/>
    <cellStyle name="標準 2 2" xfId="2" xr:uid="{00000000-0005-0000-0000-000002000000}"/>
    <cellStyle name="標準 2 2 2" xfId="3" xr:uid="{00000000-0005-0000-0000-000003000000}"/>
    <cellStyle name="標準 2 3" xfId="4" xr:uid="{00000000-0005-0000-0000-000004000000}"/>
    <cellStyle name="標準 2 4" xfId="5" xr:uid="{00000000-0005-0000-0000-000005000000}"/>
    <cellStyle name="標準 3" xfId="6" xr:uid="{00000000-0005-0000-0000-000006000000}"/>
    <cellStyle name="標準 3 2" xfId="7" xr:uid="{00000000-0005-0000-0000-000007000000}"/>
    <cellStyle name="標準 4" xfId="8" xr:uid="{00000000-0005-0000-0000-000008000000}"/>
    <cellStyle name="標準 5" xfId="9" xr:uid="{00000000-0005-0000-0000-000009000000}"/>
    <cellStyle name="標準 6" xfId="10" xr:uid="{00000000-0005-0000-0000-00000A000000}"/>
    <cellStyle name="標準 7" xfId="11" xr:uid="{00000000-0005-0000-0000-00000B000000}"/>
    <cellStyle name="標準 8" xfId="12" xr:uid="{00000000-0005-0000-0000-00000C000000}"/>
    <cellStyle name="標準 9" xfId="13" xr:uid="{00000000-0005-0000-0000-00000D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3</xdr:row>
      <xdr:rowOff>19050</xdr:rowOff>
    </xdr:from>
    <xdr:to>
      <xdr:col>2</xdr:col>
      <xdr:colOff>0</xdr:colOff>
      <xdr:row>5</xdr:row>
      <xdr:rowOff>0</xdr:rowOff>
    </xdr:to>
    <xdr:cxnSp macro="">
      <xdr:nvCxnSpPr>
        <xdr:cNvPr id="2" name="直線コネクタ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CxnSpPr/>
      </xdr:nvCxnSpPr>
      <xdr:spPr>
        <a:xfrm>
          <a:off x="0" y="660400"/>
          <a:ext cx="1631950" cy="400050"/>
        </a:xfrm>
        <a:prstGeom prst="line">
          <a:avLst/>
        </a:prstGeom>
        <a:ln>
          <a:solidFill>
            <a:schemeClr val="tx1"/>
          </a:solidFill>
        </a:ln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Q41"/>
  <sheetViews>
    <sheetView showGridLines="0" tabSelected="1" zoomScaleNormal="100" workbookViewId="0">
      <selection activeCell="H9" sqref="H9"/>
    </sheetView>
  </sheetViews>
  <sheetFormatPr defaultColWidth="9" defaultRowHeight="11" x14ac:dyDescent="0.2"/>
  <cols>
    <col min="1" max="1" width="5.453125" style="3" customWidth="1"/>
    <col min="2" max="2" width="17.90625" style="3" customWidth="1"/>
    <col min="3" max="14" width="10.6328125" style="3" customWidth="1"/>
    <col min="15" max="15" width="0.90625" style="3" customWidth="1"/>
    <col min="16" max="17" width="10.6328125" style="3" customWidth="1"/>
    <col min="18" max="16384" width="9" style="3"/>
  </cols>
  <sheetData>
    <row r="1" spans="1:17" ht="16" customHeight="1" x14ac:dyDescent="0.2">
      <c r="A1" s="22" t="s">
        <v>37</v>
      </c>
    </row>
    <row r="2" spans="1:17" s="2" customFormat="1" ht="19" customHeight="1" x14ac:dyDescent="0.2">
      <c r="A2" s="41" t="s">
        <v>36</v>
      </c>
      <c r="B2" s="35"/>
      <c r="C2" s="35"/>
      <c r="D2" s="35"/>
      <c r="E2" s="35"/>
      <c r="J2" s="35"/>
      <c r="K2" s="35"/>
      <c r="L2" s="35"/>
    </row>
    <row r="3" spans="1:17" ht="13.5" customHeight="1" thickBot="1" x14ac:dyDescent="0.25">
      <c r="I3" s="11"/>
      <c r="N3" s="1"/>
      <c r="P3" s="11"/>
      <c r="Q3" s="11" t="s">
        <v>35</v>
      </c>
    </row>
    <row r="4" spans="1:17" s="4" customFormat="1" ht="16.5" customHeight="1" thickTop="1" x14ac:dyDescent="0.2">
      <c r="A4" s="33" t="s">
        <v>34</v>
      </c>
      <c r="B4" s="34"/>
      <c r="C4" s="23" t="s">
        <v>1</v>
      </c>
      <c r="D4" s="23" t="s">
        <v>2</v>
      </c>
      <c r="E4" s="23" t="s">
        <v>3</v>
      </c>
      <c r="F4" s="23" t="s">
        <v>4</v>
      </c>
      <c r="G4" s="23" t="s">
        <v>5</v>
      </c>
      <c r="H4" s="23" t="s">
        <v>7</v>
      </c>
      <c r="I4" s="29" t="s">
        <v>6</v>
      </c>
      <c r="J4" s="23" t="s">
        <v>8</v>
      </c>
      <c r="K4" s="23" t="s">
        <v>9</v>
      </c>
      <c r="L4" s="23" t="s">
        <v>10</v>
      </c>
      <c r="M4" s="23" t="s">
        <v>11</v>
      </c>
      <c r="N4" s="25" t="s">
        <v>0</v>
      </c>
      <c r="O4" s="8"/>
      <c r="P4" s="27" t="s">
        <v>13</v>
      </c>
      <c r="Q4" s="29" t="s">
        <v>14</v>
      </c>
    </row>
    <row r="5" spans="1:17" s="4" customFormat="1" ht="16.5" customHeight="1" x14ac:dyDescent="0.2">
      <c r="A5" s="31" t="s">
        <v>15</v>
      </c>
      <c r="B5" s="32"/>
      <c r="C5" s="24"/>
      <c r="D5" s="24"/>
      <c r="E5" s="24"/>
      <c r="F5" s="24"/>
      <c r="G5" s="24"/>
      <c r="H5" s="24"/>
      <c r="I5" s="30"/>
      <c r="J5" s="24"/>
      <c r="K5" s="24"/>
      <c r="L5" s="24"/>
      <c r="M5" s="24"/>
      <c r="N5" s="26"/>
      <c r="O5" s="8"/>
      <c r="P5" s="28"/>
      <c r="Q5" s="30"/>
    </row>
    <row r="6" spans="1:17" ht="30" customHeight="1" x14ac:dyDescent="0.2">
      <c r="A6" s="36" t="s">
        <v>0</v>
      </c>
      <c r="B6" s="37"/>
      <c r="C6" s="13">
        <v>384</v>
      </c>
      <c r="D6" s="14">
        <v>114</v>
      </c>
      <c r="E6" s="14">
        <v>208</v>
      </c>
      <c r="F6" s="14">
        <v>85</v>
      </c>
      <c r="G6" s="14">
        <v>214</v>
      </c>
      <c r="H6" s="14">
        <v>13</v>
      </c>
      <c r="I6" s="14">
        <v>33</v>
      </c>
      <c r="J6" s="14">
        <v>106</v>
      </c>
      <c r="K6" s="14">
        <v>120</v>
      </c>
      <c r="L6" s="14">
        <v>64</v>
      </c>
      <c r="M6" s="14">
        <v>319</v>
      </c>
      <c r="N6" s="7">
        <v>1660</v>
      </c>
      <c r="P6" s="7">
        <v>109284</v>
      </c>
      <c r="Q6" s="7">
        <v>5793</v>
      </c>
    </row>
    <row r="7" spans="1:17" ht="30" customHeight="1" x14ac:dyDescent="0.2">
      <c r="A7" s="36" t="s">
        <v>16</v>
      </c>
      <c r="B7" s="37"/>
      <c r="C7" s="15">
        <v>5</v>
      </c>
      <c r="D7" s="15">
        <v>1</v>
      </c>
      <c r="E7" s="15">
        <v>1</v>
      </c>
      <c r="F7" s="15">
        <v>2</v>
      </c>
      <c r="G7" s="15" t="s">
        <v>12</v>
      </c>
      <c r="H7" s="15">
        <v>1</v>
      </c>
      <c r="I7" s="15" t="s">
        <v>12</v>
      </c>
      <c r="J7" s="15" t="s">
        <v>12</v>
      </c>
      <c r="K7" s="15" t="s">
        <v>12</v>
      </c>
      <c r="L7" s="15" t="s">
        <v>12</v>
      </c>
      <c r="M7" s="15">
        <v>2</v>
      </c>
      <c r="N7" s="5">
        <v>12</v>
      </c>
      <c r="P7" s="5">
        <v>2439</v>
      </c>
      <c r="Q7" s="5">
        <v>92</v>
      </c>
    </row>
    <row r="8" spans="1:17" ht="30" customHeight="1" x14ac:dyDescent="0.2">
      <c r="A8" s="36" t="s">
        <v>17</v>
      </c>
      <c r="B8" s="37"/>
      <c r="C8" s="15">
        <v>246</v>
      </c>
      <c r="D8" s="15">
        <v>40</v>
      </c>
      <c r="E8" s="15">
        <v>90</v>
      </c>
      <c r="F8" s="15">
        <v>31</v>
      </c>
      <c r="G8" s="15">
        <v>67</v>
      </c>
      <c r="H8" s="15">
        <v>6</v>
      </c>
      <c r="I8" s="15">
        <v>8</v>
      </c>
      <c r="J8" s="15">
        <v>35</v>
      </c>
      <c r="K8" s="15">
        <v>15</v>
      </c>
      <c r="L8" s="15">
        <v>29</v>
      </c>
      <c r="M8" s="15">
        <v>144</v>
      </c>
      <c r="N8" s="5">
        <v>711</v>
      </c>
      <c r="P8" s="5">
        <v>47938</v>
      </c>
      <c r="Q8" s="5">
        <v>2518</v>
      </c>
    </row>
    <row r="9" spans="1:17" ht="30" customHeight="1" x14ac:dyDescent="0.2">
      <c r="A9" s="38" t="s">
        <v>33</v>
      </c>
      <c r="B9" s="12" t="s">
        <v>0</v>
      </c>
      <c r="C9" s="15">
        <v>133</v>
      </c>
      <c r="D9" s="15">
        <v>73</v>
      </c>
      <c r="E9" s="15">
        <v>117</v>
      </c>
      <c r="F9" s="15">
        <v>52</v>
      </c>
      <c r="G9" s="15">
        <v>147</v>
      </c>
      <c r="H9" s="15">
        <v>6</v>
      </c>
      <c r="I9" s="15">
        <v>25</v>
      </c>
      <c r="J9" s="15">
        <v>71</v>
      </c>
      <c r="K9" s="15">
        <v>105</v>
      </c>
      <c r="L9" s="15">
        <v>35</v>
      </c>
      <c r="M9" s="15">
        <v>173</v>
      </c>
      <c r="N9" s="5">
        <v>937</v>
      </c>
      <c r="P9" s="5">
        <v>58907</v>
      </c>
      <c r="Q9" s="5">
        <v>3183</v>
      </c>
    </row>
    <row r="10" spans="1:17" ht="30" customHeight="1" x14ac:dyDescent="0.2">
      <c r="A10" s="39"/>
      <c r="B10" s="9" t="s">
        <v>18</v>
      </c>
      <c r="C10" s="15">
        <v>4</v>
      </c>
      <c r="D10" s="15">
        <v>6</v>
      </c>
      <c r="E10" s="15">
        <v>8</v>
      </c>
      <c r="F10" s="15">
        <v>8</v>
      </c>
      <c r="G10" s="15">
        <v>4</v>
      </c>
      <c r="H10" s="15">
        <v>2</v>
      </c>
      <c r="I10" s="15" t="s">
        <v>12</v>
      </c>
      <c r="J10" s="15">
        <v>16</v>
      </c>
      <c r="K10" s="15">
        <v>4</v>
      </c>
      <c r="L10" s="15">
        <v>7</v>
      </c>
      <c r="M10" s="15">
        <v>18</v>
      </c>
      <c r="N10" s="5">
        <v>77</v>
      </c>
      <c r="P10" s="5">
        <v>4017</v>
      </c>
      <c r="Q10" s="5">
        <v>277</v>
      </c>
    </row>
    <row r="11" spans="1:17" ht="30" customHeight="1" x14ac:dyDescent="0.2">
      <c r="A11" s="39"/>
      <c r="B11" s="9" t="s">
        <v>19</v>
      </c>
      <c r="C11" s="15">
        <v>28</v>
      </c>
      <c r="D11" s="15">
        <v>38</v>
      </c>
      <c r="E11" s="15">
        <v>57</v>
      </c>
      <c r="F11" s="15">
        <v>14</v>
      </c>
      <c r="G11" s="15">
        <v>28</v>
      </c>
      <c r="H11" s="15">
        <v>3</v>
      </c>
      <c r="I11" s="15">
        <v>11</v>
      </c>
      <c r="J11" s="15">
        <v>25</v>
      </c>
      <c r="K11" s="15">
        <v>47</v>
      </c>
      <c r="L11" s="15">
        <v>13</v>
      </c>
      <c r="M11" s="15">
        <v>43</v>
      </c>
      <c r="N11" s="5">
        <v>307</v>
      </c>
      <c r="P11" s="5">
        <v>14578</v>
      </c>
      <c r="Q11" s="5">
        <v>1015</v>
      </c>
    </row>
    <row r="12" spans="1:17" ht="30" customHeight="1" x14ac:dyDescent="0.2">
      <c r="A12" s="39"/>
      <c r="B12" s="9" t="s">
        <v>20</v>
      </c>
      <c r="C12" s="15">
        <v>62</v>
      </c>
      <c r="D12" s="15">
        <v>7</v>
      </c>
      <c r="E12" s="15">
        <v>42</v>
      </c>
      <c r="F12" s="15">
        <v>28</v>
      </c>
      <c r="G12" s="15">
        <v>66</v>
      </c>
      <c r="H12" s="15">
        <v>1</v>
      </c>
      <c r="I12" s="15">
        <v>11</v>
      </c>
      <c r="J12" s="15">
        <v>7</v>
      </c>
      <c r="K12" s="15">
        <v>17</v>
      </c>
      <c r="L12" s="15">
        <v>10</v>
      </c>
      <c r="M12" s="15">
        <v>45</v>
      </c>
      <c r="N12" s="5">
        <v>296</v>
      </c>
      <c r="P12" s="5">
        <v>22402</v>
      </c>
      <c r="Q12" s="5">
        <v>926</v>
      </c>
    </row>
    <row r="13" spans="1:17" ht="30" customHeight="1" x14ac:dyDescent="0.2">
      <c r="A13" s="39"/>
      <c r="B13" s="10" t="s">
        <v>21</v>
      </c>
      <c r="C13" s="15">
        <v>15</v>
      </c>
      <c r="D13" s="15">
        <v>6</v>
      </c>
      <c r="E13" s="15">
        <v>3</v>
      </c>
      <c r="F13" s="15">
        <v>1</v>
      </c>
      <c r="G13" s="15">
        <v>12</v>
      </c>
      <c r="H13" s="15" t="s">
        <v>12</v>
      </c>
      <c r="I13" s="15">
        <v>2</v>
      </c>
      <c r="J13" s="15">
        <v>21</v>
      </c>
      <c r="K13" s="15">
        <v>15</v>
      </c>
      <c r="L13" s="15">
        <v>5</v>
      </c>
      <c r="M13" s="15">
        <v>22</v>
      </c>
      <c r="N13" s="5">
        <v>102</v>
      </c>
      <c r="P13" s="5">
        <v>10356</v>
      </c>
      <c r="Q13" s="5">
        <v>424</v>
      </c>
    </row>
    <row r="14" spans="1:17" ht="30" customHeight="1" x14ac:dyDescent="0.2">
      <c r="A14" s="39"/>
      <c r="B14" s="9" t="s">
        <v>22</v>
      </c>
      <c r="C14" s="15">
        <v>18</v>
      </c>
      <c r="D14" s="15">
        <v>6</v>
      </c>
      <c r="E14" s="15">
        <v>6</v>
      </c>
      <c r="F14" s="15">
        <v>1</v>
      </c>
      <c r="G14" s="15">
        <v>37</v>
      </c>
      <c r="H14" s="15" t="s">
        <v>12</v>
      </c>
      <c r="I14" s="15">
        <v>1</v>
      </c>
      <c r="J14" s="15">
        <v>2</v>
      </c>
      <c r="K14" s="15">
        <v>19</v>
      </c>
      <c r="L14" s="15" t="s">
        <v>12</v>
      </c>
      <c r="M14" s="15">
        <v>39</v>
      </c>
      <c r="N14" s="5">
        <v>129</v>
      </c>
      <c r="P14" s="5">
        <v>6779</v>
      </c>
      <c r="Q14" s="5">
        <v>406</v>
      </c>
    </row>
    <row r="15" spans="1:17" ht="30" customHeight="1" x14ac:dyDescent="0.2">
      <c r="A15" s="39"/>
      <c r="B15" s="9" t="s">
        <v>23</v>
      </c>
      <c r="C15" s="15" t="s">
        <v>12</v>
      </c>
      <c r="D15" s="15" t="s">
        <v>12</v>
      </c>
      <c r="E15" s="15" t="s">
        <v>12</v>
      </c>
      <c r="F15" s="15" t="s">
        <v>12</v>
      </c>
      <c r="G15" s="15" t="s">
        <v>12</v>
      </c>
      <c r="H15" s="15" t="s">
        <v>12</v>
      </c>
      <c r="I15" s="15" t="s">
        <v>12</v>
      </c>
      <c r="J15" s="15" t="s">
        <v>12</v>
      </c>
      <c r="K15" s="15" t="s">
        <v>12</v>
      </c>
      <c r="L15" s="15" t="s">
        <v>12</v>
      </c>
      <c r="M15" s="15" t="s">
        <v>12</v>
      </c>
      <c r="N15" s="5" t="s">
        <v>12</v>
      </c>
      <c r="P15" s="5">
        <v>42</v>
      </c>
      <c r="Q15" s="5">
        <v>4</v>
      </c>
    </row>
    <row r="16" spans="1:17" ht="30" customHeight="1" x14ac:dyDescent="0.2">
      <c r="A16" s="39"/>
      <c r="B16" s="9" t="s">
        <v>24</v>
      </c>
      <c r="C16" s="15" t="s">
        <v>12</v>
      </c>
      <c r="D16" s="15" t="s">
        <v>12</v>
      </c>
      <c r="E16" s="15" t="s">
        <v>12</v>
      </c>
      <c r="F16" s="15" t="s">
        <v>12</v>
      </c>
      <c r="G16" s="15" t="s">
        <v>12</v>
      </c>
      <c r="H16" s="15" t="s">
        <v>12</v>
      </c>
      <c r="I16" s="15" t="s">
        <v>12</v>
      </c>
      <c r="J16" s="15" t="s">
        <v>12</v>
      </c>
      <c r="K16" s="15" t="s">
        <v>12</v>
      </c>
      <c r="L16" s="15" t="s">
        <v>12</v>
      </c>
      <c r="M16" s="15">
        <v>1</v>
      </c>
      <c r="N16" s="5">
        <v>1</v>
      </c>
      <c r="P16" s="5">
        <v>65</v>
      </c>
      <c r="Q16" s="5">
        <v>13</v>
      </c>
    </row>
    <row r="17" spans="1:17" ht="30" customHeight="1" x14ac:dyDescent="0.2">
      <c r="A17" s="39"/>
      <c r="B17" s="9" t="s">
        <v>25</v>
      </c>
      <c r="C17" s="15">
        <v>2</v>
      </c>
      <c r="D17" s="15">
        <v>7</v>
      </c>
      <c r="E17" s="15" t="s">
        <v>12</v>
      </c>
      <c r="F17" s="15" t="s">
        <v>12</v>
      </c>
      <c r="G17" s="15" t="s">
        <v>12</v>
      </c>
      <c r="H17" s="15" t="s">
        <v>12</v>
      </c>
      <c r="I17" s="15" t="s">
        <v>12</v>
      </c>
      <c r="J17" s="15" t="s">
        <v>12</v>
      </c>
      <c r="K17" s="15" t="s">
        <v>12</v>
      </c>
      <c r="L17" s="15" t="s">
        <v>12</v>
      </c>
      <c r="M17" s="15" t="s">
        <v>12</v>
      </c>
      <c r="N17" s="5">
        <v>9</v>
      </c>
      <c r="P17" s="5">
        <v>136</v>
      </c>
      <c r="Q17" s="5">
        <v>53</v>
      </c>
    </row>
    <row r="18" spans="1:17" ht="30" customHeight="1" x14ac:dyDescent="0.2">
      <c r="A18" s="39"/>
      <c r="B18" s="9" t="s">
        <v>26</v>
      </c>
      <c r="C18" s="15">
        <v>2</v>
      </c>
      <c r="D18" s="15">
        <v>3</v>
      </c>
      <c r="E18" s="15">
        <v>1</v>
      </c>
      <c r="F18" s="15" t="s">
        <v>12</v>
      </c>
      <c r="G18" s="15" t="s">
        <v>12</v>
      </c>
      <c r="H18" s="15" t="s">
        <v>12</v>
      </c>
      <c r="I18" s="15" t="s">
        <v>12</v>
      </c>
      <c r="J18" s="15" t="s">
        <v>12</v>
      </c>
      <c r="K18" s="15" t="s">
        <v>12</v>
      </c>
      <c r="L18" s="15" t="s">
        <v>12</v>
      </c>
      <c r="M18" s="15" t="s">
        <v>12</v>
      </c>
      <c r="N18" s="5">
        <v>6</v>
      </c>
      <c r="P18" s="5">
        <v>116</v>
      </c>
      <c r="Q18" s="5">
        <v>34</v>
      </c>
    </row>
    <row r="19" spans="1:17" ht="30" customHeight="1" x14ac:dyDescent="0.2">
      <c r="A19" s="39"/>
      <c r="B19" s="9" t="s">
        <v>27</v>
      </c>
      <c r="C19" s="15" t="s">
        <v>12</v>
      </c>
      <c r="D19" s="15" t="s">
        <v>12</v>
      </c>
      <c r="E19" s="15" t="s">
        <v>12</v>
      </c>
      <c r="F19" s="15" t="s">
        <v>12</v>
      </c>
      <c r="G19" s="15" t="s">
        <v>12</v>
      </c>
      <c r="H19" s="15" t="s">
        <v>12</v>
      </c>
      <c r="I19" s="15" t="s">
        <v>12</v>
      </c>
      <c r="J19" s="15" t="s">
        <v>12</v>
      </c>
      <c r="K19" s="15">
        <v>1</v>
      </c>
      <c r="L19" s="15" t="s">
        <v>12</v>
      </c>
      <c r="M19" s="15">
        <v>1</v>
      </c>
      <c r="N19" s="5">
        <v>2</v>
      </c>
      <c r="P19" s="5">
        <v>133</v>
      </c>
      <c r="Q19" s="5">
        <v>13</v>
      </c>
    </row>
    <row r="20" spans="1:17" ht="30" customHeight="1" x14ac:dyDescent="0.2">
      <c r="A20" s="39"/>
      <c r="B20" s="9" t="s">
        <v>28</v>
      </c>
      <c r="C20" s="15">
        <v>2</v>
      </c>
      <c r="D20" s="15" t="s">
        <v>12</v>
      </c>
      <c r="E20" s="15" t="s">
        <v>12</v>
      </c>
      <c r="F20" s="15" t="s">
        <v>12</v>
      </c>
      <c r="G20" s="15" t="s">
        <v>12</v>
      </c>
      <c r="H20" s="15" t="s">
        <v>12</v>
      </c>
      <c r="I20" s="15" t="s">
        <v>12</v>
      </c>
      <c r="J20" s="15" t="s">
        <v>12</v>
      </c>
      <c r="K20" s="15">
        <v>2</v>
      </c>
      <c r="L20" s="15" t="s">
        <v>12</v>
      </c>
      <c r="M20" s="15">
        <v>4</v>
      </c>
      <c r="N20" s="5">
        <v>8</v>
      </c>
      <c r="P20" s="5">
        <v>84</v>
      </c>
      <c r="Q20" s="5">
        <v>16</v>
      </c>
    </row>
    <row r="21" spans="1:17" ht="30" customHeight="1" x14ac:dyDescent="0.2">
      <c r="A21" s="39"/>
      <c r="B21" s="10" t="s">
        <v>29</v>
      </c>
      <c r="C21" s="15" t="s">
        <v>12</v>
      </c>
      <c r="D21" s="15" t="s">
        <v>12</v>
      </c>
      <c r="E21" s="15" t="s">
        <v>12</v>
      </c>
      <c r="F21" s="15" t="s">
        <v>12</v>
      </c>
      <c r="G21" s="15" t="s">
        <v>12</v>
      </c>
      <c r="H21" s="15" t="s">
        <v>12</v>
      </c>
      <c r="I21" s="15" t="s">
        <v>12</v>
      </c>
      <c r="J21" s="15" t="s">
        <v>12</v>
      </c>
      <c r="K21" s="15" t="s">
        <v>12</v>
      </c>
      <c r="L21" s="15" t="s">
        <v>12</v>
      </c>
      <c r="M21" s="15" t="s">
        <v>12</v>
      </c>
      <c r="N21" s="5" t="s">
        <v>12</v>
      </c>
      <c r="P21" s="5">
        <v>180</v>
      </c>
      <c r="Q21" s="5">
        <v>1</v>
      </c>
    </row>
    <row r="22" spans="1:17" ht="30" customHeight="1" x14ac:dyDescent="0.2">
      <c r="A22" s="39"/>
      <c r="B22" s="9" t="s">
        <v>30</v>
      </c>
      <c r="C22" s="15" t="s">
        <v>12</v>
      </c>
      <c r="D22" s="15" t="s">
        <v>12</v>
      </c>
      <c r="E22" s="15" t="s">
        <v>12</v>
      </c>
      <c r="F22" s="15" t="s">
        <v>12</v>
      </c>
      <c r="G22" s="15" t="s">
        <v>12</v>
      </c>
      <c r="H22" s="15" t="s">
        <v>12</v>
      </c>
      <c r="I22" s="15" t="s">
        <v>12</v>
      </c>
      <c r="J22" s="15" t="s">
        <v>12</v>
      </c>
      <c r="K22" s="15" t="s">
        <v>12</v>
      </c>
      <c r="L22" s="15" t="s">
        <v>12</v>
      </c>
      <c r="M22" s="15" t="s">
        <v>12</v>
      </c>
      <c r="N22" s="5" t="s">
        <v>12</v>
      </c>
      <c r="P22" s="5">
        <v>13</v>
      </c>
      <c r="Q22" s="5">
        <v>1</v>
      </c>
    </row>
    <row r="23" spans="1:17" ht="30" customHeight="1" x14ac:dyDescent="0.2">
      <c r="A23" s="39"/>
      <c r="B23" s="9" t="s">
        <v>31</v>
      </c>
      <c r="C23" s="15" t="s">
        <v>12</v>
      </c>
      <c r="D23" s="15" t="s">
        <v>12</v>
      </c>
      <c r="E23" s="15" t="s">
        <v>12</v>
      </c>
      <c r="F23" s="15" t="s">
        <v>12</v>
      </c>
      <c r="G23" s="15" t="s">
        <v>12</v>
      </c>
      <c r="H23" s="15" t="s">
        <v>12</v>
      </c>
      <c r="I23" s="15" t="s">
        <v>12</v>
      </c>
      <c r="J23" s="15" t="s">
        <v>12</v>
      </c>
      <c r="K23" s="15" t="s">
        <v>12</v>
      </c>
      <c r="L23" s="15" t="s">
        <v>12</v>
      </c>
      <c r="M23" s="15" t="s">
        <v>12</v>
      </c>
      <c r="N23" s="5" t="s">
        <v>12</v>
      </c>
      <c r="P23" s="5">
        <v>4</v>
      </c>
      <c r="Q23" s="15" t="s">
        <v>12</v>
      </c>
    </row>
    <row r="24" spans="1:17" ht="30" customHeight="1" x14ac:dyDescent="0.2">
      <c r="A24" s="40"/>
      <c r="B24" s="9" t="s">
        <v>32</v>
      </c>
      <c r="C24" s="16" t="s">
        <v>12</v>
      </c>
      <c r="D24" s="17" t="s">
        <v>12</v>
      </c>
      <c r="E24" s="17" t="s">
        <v>12</v>
      </c>
      <c r="F24" s="17" t="s">
        <v>12</v>
      </c>
      <c r="G24" s="17" t="s">
        <v>12</v>
      </c>
      <c r="H24" s="17" t="s">
        <v>12</v>
      </c>
      <c r="I24" s="17" t="s">
        <v>12</v>
      </c>
      <c r="J24" s="17" t="s">
        <v>12</v>
      </c>
      <c r="K24" s="17" t="s">
        <v>12</v>
      </c>
      <c r="L24" s="17" t="s">
        <v>12</v>
      </c>
      <c r="M24" s="17" t="s">
        <v>12</v>
      </c>
      <c r="N24" s="6" t="s">
        <v>12</v>
      </c>
      <c r="P24" s="6">
        <v>2</v>
      </c>
      <c r="Q24" s="6" t="s">
        <v>12</v>
      </c>
    </row>
    <row r="25" spans="1:17" ht="30" customHeight="1" x14ac:dyDescent="0.2"/>
    <row r="26" spans="1:17" ht="30" customHeight="1" x14ac:dyDescent="0.2"/>
    <row r="27" spans="1:17" ht="30" customHeight="1" x14ac:dyDescent="0.2"/>
    <row r="28" spans="1:17" ht="30" customHeight="1" x14ac:dyDescent="0.2"/>
    <row r="29" spans="1:17" ht="30" customHeight="1" x14ac:dyDescent="0.2">
      <c r="E29" s="18"/>
      <c r="K29" s="18"/>
      <c r="L29" s="19"/>
      <c r="M29" s="20"/>
      <c r="N29" s="20"/>
    </row>
    <row r="30" spans="1:17" ht="30" customHeight="1" x14ac:dyDescent="0.2">
      <c r="E30" s="21"/>
    </row>
    <row r="31" spans="1:17" ht="30" customHeight="1" x14ac:dyDescent="0.2"/>
    <row r="32" spans="1:17" ht="30" customHeight="1" x14ac:dyDescent="0.2"/>
    <row r="33" ht="30" customHeight="1" x14ac:dyDescent="0.2"/>
    <row r="34" ht="30" customHeight="1" x14ac:dyDescent="0.2"/>
    <row r="35" ht="30" customHeight="1" x14ac:dyDescent="0.2"/>
    <row r="36" ht="30" customHeight="1" x14ac:dyDescent="0.2"/>
    <row r="37" ht="30" customHeight="1" x14ac:dyDescent="0.2"/>
    <row r="38" ht="30" customHeight="1" x14ac:dyDescent="0.2"/>
    <row r="39" ht="30" customHeight="1" x14ac:dyDescent="0.2"/>
    <row r="40" ht="30" customHeight="1" x14ac:dyDescent="0.2"/>
    <row r="41" ht="30" customHeight="1" x14ac:dyDescent="0.2"/>
  </sheetData>
  <mergeCells count="22">
    <mergeCell ref="J2:L2"/>
    <mergeCell ref="A7:B7"/>
    <mergeCell ref="A8:B8"/>
    <mergeCell ref="A9:A24"/>
    <mergeCell ref="A6:B6"/>
    <mergeCell ref="A2:E2"/>
    <mergeCell ref="M4:M5"/>
    <mergeCell ref="N4:N5"/>
    <mergeCell ref="P4:P5"/>
    <mergeCell ref="Q4:Q5"/>
    <mergeCell ref="A5:B5"/>
    <mergeCell ref="G4:G5"/>
    <mergeCell ref="H4:H5"/>
    <mergeCell ref="I4:I5"/>
    <mergeCell ref="J4:J5"/>
    <mergeCell ref="K4:K5"/>
    <mergeCell ref="L4:L5"/>
    <mergeCell ref="F4:F5"/>
    <mergeCell ref="A4:B4"/>
    <mergeCell ref="C4:C5"/>
    <mergeCell ref="D4:D5"/>
    <mergeCell ref="E4:E5"/>
  </mergeCells>
  <phoneticPr fontId="2"/>
  <pageMargins left="0.70866141732283472" right="0.70866141732283472" top="0.74803149606299213" bottom="0.74803149606299213" header="0.31496062992125984" footer="0.31496062992125984"/>
  <pageSetup paperSize="8" orientation="landscape" r:id="rId1"/>
  <headerFooter>
    <oddHeader xml:space="preserve">&amp;R&amp;9&amp;K000000 2023年漁業センサス結果の概要（確定値）島根県
</oddHead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２ー(6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5-02-01T04:51:37Z</cp:lastPrinted>
  <dcterms:created xsi:type="dcterms:W3CDTF">2018-09-25T08:48:37Z</dcterms:created>
  <dcterms:modified xsi:type="dcterms:W3CDTF">2025-12-03T03:24:16Z</dcterms:modified>
</cp:coreProperties>
</file>